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１　一般状況\ＸＬＳ\"/>
    </mc:Choice>
  </mc:AlternateContent>
  <bookViews>
    <workbookView xWindow="0" yWindow="0" windowWidth="20490" windowHeight="7185"/>
  </bookViews>
  <sheets>
    <sheet name="第２～４表" sheetId="1" r:id="rId1"/>
  </sheets>
  <definedNames>
    <definedName name="_xlnm.Print_Area" localSheetId="0">'第２～４表'!$A$1:$N$4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3" uniqueCount="65">
  <si>
    <t>第２表　一般状況の推移</t>
    <rPh sb="0" eb="1">
      <t>ダイ</t>
    </rPh>
    <rPh sb="2" eb="3">
      <t>ヒョウ</t>
    </rPh>
    <rPh sb="4" eb="6">
      <t>イッパン</t>
    </rPh>
    <rPh sb="6" eb="8">
      <t>ジョウキョウ</t>
    </rPh>
    <rPh sb="9" eb="11">
      <t>スイイ</t>
    </rPh>
    <phoneticPr fontId="2"/>
  </si>
  <si>
    <t>（各年度末・各月末現在）</t>
    <rPh sb="1" eb="4">
      <t>カクネンド</t>
    </rPh>
    <rPh sb="4" eb="5">
      <t>マツ</t>
    </rPh>
    <rPh sb="6" eb="7">
      <t>カク</t>
    </rPh>
    <rPh sb="7" eb="8">
      <t>ツキ</t>
    </rPh>
    <rPh sb="8" eb="9">
      <t>マツ</t>
    </rPh>
    <rPh sb="9" eb="11">
      <t>ゲンザイ</t>
    </rPh>
    <phoneticPr fontId="2"/>
  </si>
  <si>
    <t>　　　　　　　   区  分　　　　　　　　　　　　　　　　　　　　　　　　　　　　　　　　　　年度月</t>
    <rPh sb="10" eb="11">
      <t>ク</t>
    </rPh>
    <rPh sb="13" eb="14">
      <t>ブン</t>
    </rPh>
    <rPh sb="48" eb="50">
      <t>ネンド</t>
    </rPh>
    <rPh sb="50" eb="51">
      <t>ツキ</t>
    </rPh>
    <phoneticPr fontId="2"/>
  </si>
  <si>
    <t>世帯数</t>
    <rPh sb="0" eb="3">
      <t>セタイスウ</t>
    </rPh>
    <phoneticPr fontId="2"/>
  </si>
  <si>
    <t>被保険者数</t>
    <rPh sb="0" eb="5">
      <t>ヒ</t>
    </rPh>
    <phoneticPr fontId="2"/>
  </si>
  <si>
    <t>介護第２号被保険者数</t>
    <rPh sb="0" eb="2">
      <t>カイゴ</t>
    </rPh>
    <rPh sb="2" eb="3">
      <t>ダイ</t>
    </rPh>
    <rPh sb="4" eb="5">
      <t>ゴウ</t>
    </rPh>
    <rPh sb="5" eb="10">
      <t>ヒ</t>
    </rPh>
    <phoneticPr fontId="2"/>
  </si>
  <si>
    <t>事務職員数</t>
    <rPh sb="0" eb="2">
      <t>ジム</t>
    </rPh>
    <rPh sb="2" eb="5">
      <t>ショクインスウ</t>
    </rPh>
    <phoneticPr fontId="2"/>
  </si>
  <si>
    <t>市町村</t>
    <rPh sb="0" eb="3">
      <t>シチョウソン</t>
    </rPh>
    <phoneticPr fontId="2"/>
  </si>
  <si>
    <t>組合</t>
    <rPh sb="0" eb="2">
      <t>クミアイ</t>
    </rPh>
    <phoneticPr fontId="2"/>
  </si>
  <si>
    <t>計</t>
    <rPh sb="0" eb="1">
      <t>ケイ</t>
    </rPh>
    <phoneticPr fontId="2"/>
  </si>
  <si>
    <t>平成２３年度</t>
    <rPh sb="0" eb="2">
      <t>ヘイセイ</t>
    </rPh>
    <rPh sb="4" eb="6">
      <t>ネンド</t>
    </rPh>
    <phoneticPr fontId="2"/>
  </si>
  <si>
    <t>平成２４年度</t>
    <rPh sb="0" eb="2">
      <t>ヘイセイ</t>
    </rPh>
    <rPh sb="4" eb="6">
      <t>ネンド</t>
    </rPh>
    <phoneticPr fontId="2"/>
  </si>
  <si>
    <t>平成２５年度</t>
    <rPh sb="0" eb="2">
      <t>ヘイセイ</t>
    </rPh>
    <rPh sb="4" eb="6">
      <t>ネンド</t>
    </rPh>
    <phoneticPr fontId="2"/>
  </si>
  <si>
    <t>平成２６年度</t>
    <rPh sb="0" eb="2">
      <t>ヘイセイ</t>
    </rPh>
    <rPh sb="4" eb="6">
      <t>ネンド</t>
    </rPh>
    <phoneticPr fontId="2"/>
  </si>
  <si>
    <t>平成２７年度</t>
    <rPh sb="0" eb="2">
      <t>ヘイセイ</t>
    </rPh>
    <rPh sb="4" eb="6">
      <t>ネンド</t>
    </rPh>
    <phoneticPr fontId="2"/>
  </si>
  <si>
    <t>平成２８年度</t>
    <rPh sb="0" eb="2">
      <t>ヘイセイ</t>
    </rPh>
    <rPh sb="4" eb="6">
      <t>ネンド</t>
    </rPh>
    <phoneticPr fontId="2"/>
  </si>
  <si>
    <t>平成28年　３月</t>
    <rPh sb="0" eb="2">
      <t>ヘイセイ</t>
    </rPh>
    <rPh sb="4" eb="5">
      <t>ネン</t>
    </rPh>
    <rPh sb="7" eb="8">
      <t>ツキ</t>
    </rPh>
    <phoneticPr fontId="2"/>
  </si>
  <si>
    <r>
      <t>組　合</t>
    </r>
    <r>
      <rPr>
        <sz val="9"/>
        <rFont val="ＭＳ Ｐゴシック"/>
        <family val="3"/>
        <charset val="128"/>
      </rPr>
      <t>（４月）</t>
    </r>
    <rPh sb="0" eb="1">
      <t>クミ</t>
    </rPh>
    <rPh sb="2" eb="3">
      <t>ゴウ</t>
    </rPh>
    <rPh sb="5" eb="6">
      <t>ガツ</t>
    </rPh>
    <phoneticPr fontId="2"/>
  </si>
  <si>
    <t>平成28年　４月</t>
    <rPh sb="0" eb="2">
      <t>ヘイセイ</t>
    </rPh>
    <rPh sb="4" eb="5">
      <t>ネン</t>
    </rPh>
    <rPh sb="7" eb="8">
      <t>ツキ</t>
    </rPh>
    <phoneticPr fontId="2"/>
  </si>
  <si>
    <t>（５月）</t>
    <rPh sb="2" eb="3">
      <t>ツキ</t>
    </rPh>
    <phoneticPr fontId="2"/>
  </si>
  <si>
    <t>平成28年　５月</t>
    <rPh sb="0" eb="2">
      <t>ヘイセイ</t>
    </rPh>
    <rPh sb="4" eb="5">
      <t>ネン</t>
    </rPh>
    <rPh sb="7" eb="8">
      <t>ツキ</t>
    </rPh>
    <phoneticPr fontId="2"/>
  </si>
  <si>
    <t>（６月）</t>
    <rPh sb="2" eb="3">
      <t>ツキ</t>
    </rPh>
    <phoneticPr fontId="2"/>
  </si>
  <si>
    <t>平成28年　６月</t>
    <rPh sb="0" eb="2">
      <t>ヘイセイ</t>
    </rPh>
    <rPh sb="4" eb="5">
      <t>ネン</t>
    </rPh>
    <rPh sb="7" eb="8">
      <t>ツキ</t>
    </rPh>
    <phoneticPr fontId="2"/>
  </si>
  <si>
    <t>（７月）</t>
    <rPh sb="2" eb="3">
      <t>ツキ</t>
    </rPh>
    <phoneticPr fontId="2"/>
  </si>
  <si>
    <t>平成28年　７月</t>
    <rPh sb="0" eb="2">
      <t>ヘイセイ</t>
    </rPh>
    <rPh sb="4" eb="5">
      <t>ネン</t>
    </rPh>
    <rPh sb="7" eb="8">
      <t>ツキ</t>
    </rPh>
    <phoneticPr fontId="2"/>
  </si>
  <si>
    <t>（８月）</t>
    <rPh sb="2" eb="3">
      <t>ツキ</t>
    </rPh>
    <phoneticPr fontId="2"/>
  </si>
  <si>
    <t>平成28年　８月</t>
    <rPh sb="0" eb="2">
      <t>ヘイセイ</t>
    </rPh>
    <rPh sb="4" eb="5">
      <t>ネン</t>
    </rPh>
    <rPh sb="7" eb="8">
      <t>ツキ</t>
    </rPh>
    <phoneticPr fontId="2"/>
  </si>
  <si>
    <t>（９月）</t>
    <rPh sb="2" eb="3">
      <t>ツキ</t>
    </rPh>
    <phoneticPr fontId="2"/>
  </si>
  <si>
    <t>平成28年　９月</t>
    <rPh sb="0" eb="2">
      <t>ヘイセイ</t>
    </rPh>
    <rPh sb="4" eb="5">
      <t>ネン</t>
    </rPh>
    <rPh sb="7" eb="8">
      <t>ツキ</t>
    </rPh>
    <phoneticPr fontId="2"/>
  </si>
  <si>
    <t>（10月）</t>
    <rPh sb="3" eb="4">
      <t>ツキ</t>
    </rPh>
    <phoneticPr fontId="2"/>
  </si>
  <si>
    <t>平成28年１０月</t>
    <rPh sb="0" eb="2">
      <t>ヘイセイ</t>
    </rPh>
    <rPh sb="4" eb="5">
      <t>ネン</t>
    </rPh>
    <rPh sb="7" eb="8">
      <t>ツキ</t>
    </rPh>
    <phoneticPr fontId="2"/>
  </si>
  <si>
    <t>（11月）</t>
    <rPh sb="3" eb="4">
      <t>ツキ</t>
    </rPh>
    <phoneticPr fontId="2"/>
  </si>
  <si>
    <t>平成28年１１月</t>
    <rPh sb="0" eb="2">
      <t>ヘイセイ</t>
    </rPh>
    <rPh sb="4" eb="5">
      <t>ネン</t>
    </rPh>
    <rPh sb="7" eb="8">
      <t>ツキ</t>
    </rPh>
    <phoneticPr fontId="2"/>
  </si>
  <si>
    <t>（12月）</t>
    <rPh sb="3" eb="4">
      <t>ツキ</t>
    </rPh>
    <phoneticPr fontId="2"/>
  </si>
  <si>
    <t>平成28年１２月</t>
    <rPh sb="0" eb="2">
      <t>ヘイセイ</t>
    </rPh>
    <rPh sb="4" eb="5">
      <t>ネン</t>
    </rPh>
    <rPh sb="7" eb="8">
      <t>ツキ</t>
    </rPh>
    <phoneticPr fontId="2"/>
  </si>
  <si>
    <t>（１月）</t>
    <rPh sb="2" eb="3">
      <t>ツキ</t>
    </rPh>
    <phoneticPr fontId="2"/>
  </si>
  <si>
    <t>平成29年　１月</t>
    <rPh sb="0" eb="2">
      <t>ヘイセイ</t>
    </rPh>
    <rPh sb="4" eb="5">
      <t>ネン</t>
    </rPh>
    <rPh sb="7" eb="8">
      <t>ツキ</t>
    </rPh>
    <phoneticPr fontId="2"/>
  </si>
  <si>
    <t>（２月）</t>
    <rPh sb="2" eb="3">
      <t>ツキ</t>
    </rPh>
    <phoneticPr fontId="2"/>
  </si>
  <si>
    <t>平成29年　２月</t>
    <rPh sb="0" eb="2">
      <t>ヘイセイ</t>
    </rPh>
    <rPh sb="4" eb="5">
      <t>ネン</t>
    </rPh>
    <rPh sb="7" eb="8">
      <t>ツキ</t>
    </rPh>
    <phoneticPr fontId="2"/>
  </si>
  <si>
    <t>（３月）</t>
    <rPh sb="2" eb="3">
      <t>ツキ</t>
    </rPh>
    <phoneticPr fontId="2"/>
  </si>
  <si>
    <t>保険者数　　市町村３３　　組合６</t>
    <rPh sb="0" eb="3">
      <t>ホケンシャ</t>
    </rPh>
    <rPh sb="3" eb="4">
      <t>スウ</t>
    </rPh>
    <rPh sb="6" eb="9">
      <t>シチョウソン</t>
    </rPh>
    <rPh sb="13" eb="15">
      <t>クミアイ</t>
    </rPh>
    <phoneticPr fontId="2"/>
  </si>
  <si>
    <t>.</t>
    <phoneticPr fontId="2"/>
  </si>
  <si>
    <t>（注）（　　）内は前年度比を示す。</t>
    <rPh sb="1" eb="2">
      <t>チュウ</t>
    </rPh>
    <rPh sb="7" eb="8">
      <t>ナイ</t>
    </rPh>
    <rPh sb="9" eb="13">
      <t>ゼンネンドヒ</t>
    </rPh>
    <rPh sb="14" eb="15">
      <t>シメ</t>
    </rPh>
    <phoneticPr fontId="2"/>
  </si>
  <si>
    <t>第４表　事務職員数の推移</t>
    <rPh sb="0" eb="1">
      <t>ダイ</t>
    </rPh>
    <rPh sb="2" eb="3">
      <t>ヒョウ</t>
    </rPh>
    <rPh sb="4" eb="6">
      <t>ジム</t>
    </rPh>
    <rPh sb="6" eb="9">
      <t>ショクインスウ</t>
    </rPh>
    <rPh sb="10" eb="12">
      <t>スイイ</t>
    </rPh>
    <phoneticPr fontId="2"/>
  </si>
  <si>
    <t>　    ｢世帯数」「被保険者数」「介護第２号被保険者数」は市町村３～２月分、組合４～３月分。</t>
    <rPh sb="6" eb="9">
      <t>セタイスウ</t>
    </rPh>
    <rPh sb="11" eb="12">
      <t>ヒ</t>
    </rPh>
    <rPh sb="12" eb="14">
      <t>ホケン</t>
    </rPh>
    <rPh sb="14" eb="15">
      <t>シャ</t>
    </rPh>
    <rPh sb="15" eb="16">
      <t>スウ</t>
    </rPh>
    <rPh sb="18" eb="20">
      <t>カイゴ</t>
    </rPh>
    <rPh sb="20" eb="21">
      <t>ダイ</t>
    </rPh>
    <rPh sb="21" eb="23">
      <t>ニゴウ</t>
    </rPh>
    <rPh sb="23" eb="27">
      <t>ヒホケンシャ</t>
    </rPh>
    <rPh sb="27" eb="28">
      <t>スウ</t>
    </rPh>
    <rPh sb="30" eb="33">
      <t>シチョウソン</t>
    </rPh>
    <rPh sb="36" eb="37">
      <t>ツキ</t>
    </rPh>
    <rPh sb="37" eb="38">
      <t>ブン</t>
    </rPh>
    <rPh sb="39" eb="41">
      <t>クミアイ</t>
    </rPh>
    <phoneticPr fontId="0"/>
  </si>
  <si>
    <t>区　　分</t>
    <rPh sb="0" eb="1">
      <t>ク</t>
    </rPh>
    <rPh sb="3" eb="4">
      <t>ブン</t>
    </rPh>
    <phoneticPr fontId="2"/>
  </si>
  <si>
    <t>第３表　国保加入率の推移</t>
    <rPh sb="0" eb="1">
      <t>ダイ</t>
    </rPh>
    <rPh sb="2" eb="3">
      <t>ヒョウ</t>
    </rPh>
    <rPh sb="4" eb="6">
      <t>コクホ</t>
    </rPh>
    <rPh sb="6" eb="9">
      <t>カニュウリツ</t>
    </rPh>
    <rPh sb="10" eb="12">
      <t>スイイ</t>
    </rPh>
    <phoneticPr fontId="2"/>
  </si>
  <si>
    <t>Ａ（世帯）</t>
    <rPh sb="2" eb="4">
      <t>セタイ</t>
    </rPh>
    <phoneticPr fontId="2"/>
  </si>
  <si>
    <t>区     分</t>
    <rPh sb="0" eb="1">
      <t>ク</t>
    </rPh>
    <rPh sb="6" eb="7">
      <t>ブン</t>
    </rPh>
    <phoneticPr fontId="2"/>
  </si>
  <si>
    <t>平成２３年度</t>
    <rPh sb="0" eb="2">
      <t>ヘイセイ</t>
    </rPh>
    <phoneticPr fontId="2"/>
  </si>
  <si>
    <t>平成２４年度</t>
    <rPh sb="0" eb="2">
      <t>ヘイセイ</t>
    </rPh>
    <phoneticPr fontId="2"/>
  </si>
  <si>
    <t>平成２５年度</t>
    <rPh sb="0" eb="2">
      <t>ヘイセイ</t>
    </rPh>
    <phoneticPr fontId="2"/>
  </si>
  <si>
    <t>平成２６年度</t>
    <rPh sb="0" eb="2">
      <t>ヘイセイ</t>
    </rPh>
    <phoneticPr fontId="2"/>
  </si>
  <si>
    <t>平成２７年度</t>
    <rPh sb="0" eb="2">
      <t>ヘイセイ</t>
    </rPh>
    <phoneticPr fontId="2"/>
  </si>
  <si>
    <t>平成２８年度</t>
    <rPh sb="0" eb="2">
      <t>ヘイセイ</t>
    </rPh>
    <phoneticPr fontId="2"/>
  </si>
  <si>
    <t>人  口（人）</t>
    <rPh sb="0" eb="1">
      <t>ヒト</t>
    </rPh>
    <rPh sb="3" eb="4">
      <t>クチ</t>
    </rPh>
    <rPh sb="5" eb="6">
      <t>ヒト</t>
    </rPh>
    <phoneticPr fontId="2"/>
  </si>
  <si>
    <t>Ｂ（人）</t>
    <rPh sb="2" eb="3">
      <t>ヒト</t>
    </rPh>
    <phoneticPr fontId="2"/>
  </si>
  <si>
    <t>被保険者数（人）</t>
    <rPh sb="0" eb="5">
      <t>ヒ</t>
    </rPh>
    <rPh sb="6" eb="7">
      <t>ヒト</t>
    </rPh>
    <phoneticPr fontId="2"/>
  </si>
  <si>
    <t>Ｃ（人）</t>
    <rPh sb="2" eb="3">
      <t>ヒト</t>
    </rPh>
    <phoneticPr fontId="2"/>
  </si>
  <si>
    <t>Ａ÷Ｃ</t>
    <phoneticPr fontId="2"/>
  </si>
  <si>
    <t>加入率（％）</t>
    <rPh sb="0" eb="3">
      <t>カニュウリツ</t>
    </rPh>
    <phoneticPr fontId="2"/>
  </si>
  <si>
    <t>（人）</t>
    <rPh sb="1" eb="2">
      <t>ヒト</t>
    </rPh>
    <phoneticPr fontId="2"/>
  </si>
  <si>
    <t>（注１）（　　）内は前年度比を示す。</t>
    <rPh sb="1" eb="2">
      <t>チュウ</t>
    </rPh>
    <rPh sb="8" eb="9">
      <t>ナイ</t>
    </rPh>
    <rPh sb="10" eb="14">
      <t>ゼンネンドヒ</t>
    </rPh>
    <rPh sb="15" eb="16">
      <t>シメ</t>
    </rPh>
    <phoneticPr fontId="2"/>
  </si>
  <si>
    <t>Ｂ÷Ｃ</t>
    <phoneticPr fontId="2"/>
  </si>
  <si>
    <t>（注２）　人口は、平成24年度までは住民基本台帳に基づき、平成25年度から平成26年度までは、平成22年国勢調査
　　　平成27年度以降は平成27年国勢調査速報値を基準にした推計人口。</t>
    <rPh sb="1" eb="2">
      <t>チュウ</t>
    </rPh>
    <rPh sb="5" eb="7">
      <t>ジンコウ</t>
    </rPh>
    <rPh sb="9" eb="11">
      <t>ヘイセイ</t>
    </rPh>
    <rPh sb="13" eb="15">
      <t>ネンド</t>
    </rPh>
    <rPh sb="18" eb="20">
      <t>ジュウミン</t>
    </rPh>
    <rPh sb="20" eb="22">
      <t>キホン</t>
    </rPh>
    <rPh sb="22" eb="24">
      <t>ダイチョウ</t>
    </rPh>
    <rPh sb="25" eb="26">
      <t>モト</t>
    </rPh>
    <rPh sb="29" eb="31">
      <t>ヘイセイ</t>
    </rPh>
    <rPh sb="33" eb="35">
      <t>ネンド</t>
    </rPh>
    <rPh sb="37" eb="39">
      <t>ヘイセイ</t>
    </rPh>
    <rPh sb="41" eb="43">
      <t>ネンド</t>
    </rPh>
    <rPh sb="47" eb="49">
      <t>ヘイセイ</t>
    </rPh>
    <rPh sb="51" eb="52">
      <t>ネン</t>
    </rPh>
    <rPh sb="52" eb="54">
      <t>コクセイ</t>
    </rPh>
    <rPh sb="54" eb="56">
      <t>チョウサ</t>
    </rPh>
    <rPh sb="60" eb="62">
      <t>ヘイセイ</t>
    </rPh>
    <rPh sb="64" eb="66">
      <t>ネンド</t>
    </rPh>
    <rPh sb="66" eb="68">
      <t>イコウ</t>
    </rPh>
    <rPh sb="69" eb="71">
      <t>ヘイセイ</t>
    </rPh>
    <rPh sb="73" eb="74">
      <t>ネン</t>
    </rPh>
    <rPh sb="74" eb="76">
      <t>コクセイ</t>
    </rPh>
    <rPh sb="76" eb="78">
      <t>チョウサ</t>
    </rPh>
    <rPh sb="78" eb="81">
      <t>ソクホウチ</t>
    </rPh>
    <rPh sb="82" eb="84">
      <t>キジュン</t>
    </rPh>
    <rPh sb="87" eb="89">
      <t>スイケイ</t>
    </rPh>
    <rPh sb="89" eb="91">
      <t>ジンコ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_ "/>
    <numFmt numFmtId="177" formatCode="#,##0_ ;[Red]\-#,##0\ "/>
    <numFmt numFmtId="178" formatCode="\(0.000\)_ "/>
    <numFmt numFmtId="179" formatCode="#,##0_);[Red]\(#,##0\)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61">
    <border>
      <left/>
      <right/>
      <top/>
      <bottom/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 diagonalDown="1">
      <left style="medium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medium">
        <color indexed="64"/>
      </right>
      <top/>
      <bottom style="dashed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41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4" fillId="0" borderId="0" xfId="0" applyFont="1" applyAlignment="1">
      <alignment vertical="center"/>
    </xf>
    <xf numFmtId="0" fontId="4" fillId="0" borderId="12" xfId="0" applyFont="1" applyBorder="1" applyAlignment="1">
      <alignment horizontal="distributed" vertical="center" justifyLastLine="1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distributed" vertical="center" justifyLastLine="1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distributed" vertical="center" justifyLastLine="1"/>
    </xf>
    <xf numFmtId="176" fontId="4" fillId="0" borderId="18" xfId="0" applyNumberFormat="1" applyFont="1" applyBorder="1" applyAlignment="1">
      <alignment vertical="center"/>
    </xf>
    <xf numFmtId="176" fontId="4" fillId="0" borderId="19" xfId="0" applyNumberFormat="1" applyFont="1" applyBorder="1" applyAlignment="1">
      <alignment vertical="center"/>
    </xf>
    <xf numFmtId="176" fontId="4" fillId="0" borderId="23" xfId="0" applyNumberFormat="1" applyFont="1" applyBorder="1" applyAlignment="1">
      <alignment vertical="center"/>
    </xf>
    <xf numFmtId="176" fontId="4" fillId="0" borderId="24" xfId="0" applyNumberFormat="1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176" fontId="4" fillId="0" borderId="18" xfId="0" applyNumberFormat="1" applyFont="1" applyBorder="1" applyAlignment="1">
      <alignment horizontal="right" vertical="center"/>
    </xf>
    <xf numFmtId="0" fontId="4" fillId="0" borderId="21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0" fontId="4" fillId="0" borderId="30" xfId="0" applyFont="1" applyBorder="1" applyAlignment="1">
      <alignment vertical="center"/>
    </xf>
    <xf numFmtId="178" fontId="4" fillId="0" borderId="31" xfId="0" applyNumberFormat="1" applyFont="1" applyBorder="1" applyAlignment="1">
      <alignment horizontal="right" vertical="center"/>
    </xf>
    <xf numFmtId="178" fontId="4" fillId="0" borderId="32" xfId="0" applyNumberFormat="1" applyFont="1" applyBorder="1" applyAlignment="1">
      <alignment horizontal="right" vertical="center"/>
    </xf>
    <xf numFmtId="0" fontId="4" fillId="0" borderId="31" xfId="0" applyFont="1" applyBorder="1" applyAlignment="1">
      <alignment vertical="center"/>
    </xf>
    <xf numFmtId="0" fontId="4" fillId="0" borderId="32" xfId="0" applyFont="1" applyBorder="1" applyAlignment="1">
      <alignment vertical="center"/>
    </xf>
    <xf numFmtId="0" fontId="4" fillId="0" borderId="21" xfId="0" applyFont="1" applyFill="1" applyBorder="1" applyAlignment="1">
      <alignment horizontal="distributed" vertical="center" justifyLastLine="1"/>
    </xf>
    <xf numFmtId="177" fontId="4" fillId="0" borderId="18" xfId="1" applyNumberFormat="1" applyFont="1" applyBorder="1" applyAlignment="1">
      <alignment vertical="center"/>
    </xf>
    <xf numFmtId="0" fontId="4" fillId="0" borderId="28" xfId="0" applyFont="1" applyFill="1" applyBorder="1" applyAlignment="1">
      <alignment horizontal="distributed" vertical="center" justifyLastLine="1"/>
    </xf>
    <xf numFmtId="178" fontId="4" fillId="0" borderId="30" xfId="0" applyNumberFormat="1" applyFont="1" applyBorder="1" applyAlignment="1">
      <alignment horizontal="right" vertical="center"/>
    </xf>
    <xf numFmtId="179" fontId="4" fillId="0" borderId="18" xfId="0" applyNumberFormat="1" applyFont="1" applyBorder="1" applyAlignment="1">
      <alignment horizontal="right" vertical="center"/>
    </xf>
    <xf numFmtId="179" fontId="4" fillId="0" borderId="19" xfId="0" applyNumberFormat="1" applyFont="1" applyBorder="1" applyAlignment="1">
      <alignment horizontal="right" vertical="center"/>
    </xf>
    <xf numFmtId="179" fontId="4" fillId="0" borderId="17" xfId="0" applyNumberFormat="1" applyFont="1" applyBorder="1" applyAlignment="1">
      <alignment horizontal="right" vertical="center"/>
    </xf>
    <xf numFmtId="179" fontId="4" fillId="0" borderId="17" xfId="0" applyNumberFormat="1" applyFont="1" applyBorder="1" applyAlignment="1">
      <alignment vertical="center"/>
    </xf>
    <xf numFmtId="179" fontId="4" fillId="0" borderId="18" xfId="0" applyNumberFormat="1" applyFont="1" applyBorder="1" applyAlignment="1">
      <alignment vertical="center"/>
    </xf>
    <xf numFmtId="179" fontId="4" fillId="0" borderId="19" xfId="0" applyNumberFormat="1" applyFont="1" applyBorder="1" applyAlignment="1">
      <alignment vertical="center"/>
    </xf>
    <xf numFmtId="179" fontId="4" fillId="0" borderId="30" xfId="0" applyNumberFormat="1" applyFont="1" applyBorder="1" applyAlignment="1">
      <alignment vertical="center"/>
    </xf>
    <xf numFmtId="179" fontId="4" fillId="0" borderId="31" xfId="0" applyNumberFormat="1" applyFont="1" applyBorder="1" applyAlignment="1">
      <alignment vertical="center"/>
    </xf>
    <xf numFmtId="179" fontId="4" fillId="0" borderId="32" xfId="0" applyNumberFormat="1" applyFont="1" applyBorder="1" applyAlignment="1">
      <alignment vertical="center"/>
    </xf>
    <xf numFmtId="0" fontId="4" fillId="0" borderId="33" xfId="0" applyFont="1" applyBorder="1" applyAlignment="1">
      <alignment vertical="center"/>
    </xf>
    <xf numFmtId="178" fontId="4" fillId="0" borderId="34" xfId="0" applyNumberFormat="1" applyFont="1" applyBorder="1" applyAlignment="1">
      <alignment horizontal="right" vertical="center"/>
    </xf>
    <xf numFmtId="178" fontId="4" fillId="0" borderId="35" xfId="0" applyNumberFormat="1" applyFont="1" applyBorder="1" applyAlignment="1">
      <alignment horizontal="right" vertical="center"/>
    </xf>
    <xf numFmtId="178" fontId="4" fillId="0" borderId="33" xfId="0" applyNumberFormat="1" applyFont="1" applyBorder="1" applyAlignment="1">
      <alignment horizontal="right" vertical="center"/>
    </xf>
    <xf numFmtId="179" fontId="4" fillId="0" borderId="33" xfId="0" applyNumberFormat="1" applyFont="1" applyBorder="1" applyAlignment="1">
      <alignment vertical="center"/>
    </xf>
    <xf numFmtId="179" fontId="4" fillId="0" borderId="34" xfId="0" applyNumberFormat="1" applyFont="1" applyBorder="1" applyAlignment="1">
      <alignment vertical="center"/>
    </xf>
    <xf numFmtId="179" fontId="4" fillId="0" borderId="35" xfId="0" applyNumberFormat="1" applyFont="1" applyBorder="1" applyAlignment="1">
      <alignment vertical="center"/>
    </xf>
    <xf numFmtId="177" fontId="4" fillId="0" borderId="18" xfId="0" applyNumberFormat="1" applyFont="1" applyBorder="1" applyAlignment="1">
      <alignment horizontal="right" vertical="center"/>
    </xf>
    <xf numFmtId="178" fontId="4" fillId="0" borderId="26" xfId="0" applyNumberFormat="1" applyFont="1" applyBorder="1" applyAlignment="1">
      <alignment horizontal="right" vertical="center"/>
    </xf>
    <xf numFmtId="178" fontId="4" fillId="0" borderId="27" xfId="0" applyNumberFormat="1" applyFont="1" applyBorder="1" applyAlignment="1">
      <alignment horizontal="right" vertical="center"/>
    </xf>
    <xf numFmtId="178" fontId="4" fillId="0" borderId="25" xfId="0" applyNumberFormat="1" applyFont="1" applyBorder="1" applyAlignment="1">
      <alignment horizontal="right" vertical="center"/>
    </xf>
    <xf numFmtId="179" fontId="4" fillId="0" borderId="25" xfId="0" applyNumberFormat="1" applyFont="1" applyBorder="1" applyAlignment="1">
      <alignment vertical="center"/>
    </xf>
    <xf numFmtId="179" fontId="4" fillId="0" borderId="26" xfId="0" applyNumberFormat="1" applyFont="1" applyBorder="1" applyAlignment="1">
      <alignment vertical="center"/>
    </xf>
    <xf numFmtId="179" fontId="4" fillId="0" borderId="27" xfId="0" applyNumberFormat="1" applyFont="1" applyBorder="1" applyAlignment="1">
      <alignment vertical="center"/>
    </xf>
    <xf numFmtId="0" fontId="4" fillId="0" borderId="21" xfId="0" applyFont="1" applyBorder="1" applyAlignment="1">
      <alignment horizontal="distributed" vertical="center"/>
    </xf>
    <xf numFmtId="176" fontId="4" fillId="0" borderId="19" xfId="0" applyNumberFormat="1" applyFont="1" applyBorder="1" applyAlignment="1">
      <alignment horizontal="right" vertical="center"/>
    </xf>
    <xf numFmtId="176" fontId="4" fillId="0" borderId="17" xfId="0" applyNumberFormat="1" applyFont="1" applyBorder="1" applyAlignment="1">
      <alignment horizontal="right" vertical="center"/>
    </xf>
    <xf numFmtId="177" fontId="4" fillId="0" borderId="19" xfId="0" applyNumberFormat="1" applyFont="1" applyBorder="1" applyAlignment="1">
      <alignment horizontal="right" vertical="center"/>
    </xf>
    <xf numFmtId="177" fontId="4" fillId="0" borderId="17" xfId="0" applyNumberFormat="1" applyFont="1" applyBorder="1" applyAlignment="1">
      <alignment horizontal="right" vertical="center"/>
    </xf>
    <xf numFmtId="177" fontId="4" fillId="0" borderId="18" xfId="1" applyNumberFormat="1" applyFont="1" applyFill="1" applyBorder="1" applyAlignment="1" applyProtection="1">
      <alignment vertical="center"/>
    </xf>
    <xf numFmtId="177" fontId="4" fillId="0" borderId="18" xfId="1" applyNumberFormat="1" applyFont="1" applyFill="1" applyBorder="1" applyAlignment="1">
      <alignment horizontal="right" vertical="center"/>
    </xf>
    <xf numFmtId="177" fontId="4" fillId="0" borderId="19" xfId="1" applyNumberFormat="1" applyFont="1" applyFill="1" applyBorder="1" applyAlignment="1">
      <alignment horizontal="right" vertical="center"/>
    </xf>
    <xf numFmtId="177" fontId="4" fillId="0" borderId="17" xfId="1" applyNumberFormat="1" applyFont="1" applyFill="1" applyBorder="1" applyAlignment="1">
      <alignment vertical="center"/>
    </xf>
    <xf numFmtId="179" fontId="4" fillId="0" borderId="17" xfId="0" applyNumberFormat="1" applyFont="1" applyFill="1" applyBorder="1" applyAlignment="1">
      <alignment vertical="center"/>
    </xf>
    <xf numFmtId="179" fontId="4" fillId="0" borderId="18" xfId="0" applyNumberFormat="1" applyFont="1" applyFill="1" applyBorder="1" applyAlignment="1">
      <alignment vertical="center"/>
    </xf>
    <xf numFmtId="179" fontId="4" fillId="0" borderId="19" xfId="0" applyNumberFormat="1" applyFont="1" applyFill="1" applyBorder="1" applyAlignment="1">
      <alignment vertical="center"/>
    </xf>
    <xf numFmtId="0" fontId="4" fillId="2" borderId="0" xfId="0" applyFont="1" applyFill="1" applyAlignment="1">
      <alignment vertical="center"/>
    </xf>
    <xf numFmtId="0" fontId="5" fillId="0" borderId="40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 wrapText="1"/>
    </xf>
    <xf numFmtId="176" fontId="4" fillId="0" borderId="17" xfId="0" applyNumberFormat="1" applyFont="1" applyBorder="1" applyAlignment="1">
      <alignment vertical="center"/>
    </xf>
    <xf numFmtId="176" fontId="4" fillId="0" borderId="20" xfId="0" applyNumberFormat="1" applyFont="1" applyBorder="1" applyAlignment="1">
      <alignment vertical="center"/>
    </xf>
    <xf numFmtId="0" fontId="5" fillId="0" borderId="21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176" fontId="4" fillId="0" borderId="20" xfId="0" applyNumberFormat="1" applyFont="1" applyFill="1" applyBorder="1" applyAlignment="1">
      <alignment vertical="center"/>
    </xf>
    <xf numFmtId="0" fontId="5" fillId="0" borderId="42" xfId="0" applyFont="1" applyBorder="1" applyAlignment="1">
      <alignment horizontal="center" vertical="center"/>
    </xf>
    <xf numFmtId="0" fontId="5" fillId="0" borderId="43" xfId="0" applyFont="1" applyBorder="1" applyAlignment="1">
      <alignment horizontal="center" vertical="center"/>
    </xf>
    <xf numFmtId="176" fontId="4" fillId="0" borderId="44" xfId="0" applyNumberFormat="1" applyFont="1" applyBorder="1" applyAlignment="1">
      <alignment vertical="center"/>
    </xf>
    <xf numFmtId="176" fontId="4" fillId="0" borderId="43" xfId="0" applyNumberFormat="1" applyFont="1" applyBorder="1" applyAlignment="1">
      <alignment vertical="center"/>
    </xf>
    <xf numFmtId="176" fontId="4" fillId="0" borderId="47" xfId="0" applyNumberFormat="1" applyFont="1" applyFill="1" applyBorder="1" applyAlignment="1">
      <alignment vertical="center"/>
    </xf>
    <xf numFmtId="0" fontId="4" fillId="0" borderId="0" xfId="0" applyFont="1" applyBorder="1" applyAlignment="1">
      <alignment vertical="center"/>
    </xf>
    <xf numFmtId="176" fontId="4" fillId="0" borderId="0" xfId="0" applyNumberFormat="1" applyFont="1" applyBorder="1" applyAlignment="1">
      <alignment horizontal="right" vertical="center"/>
    </xf>
    <xf numFmtId="176" fontId="4" fillId="0" borderId="0" xfId="0" applyNumberFormat="1" applyFont="1" applyBorder="1" applyAlignment="1">
      <alignment vertical="center"/>
    </xf>
    <xf numFmtId="38" fontId="4" fillId="0" borderId="0" xfId="1" applyFont="1" applyAlignment="1" applyProtection="1">
      <alignment horizontal="left" vertical="center"/>
    </xf>
    <xf numFmtId="0" fontId="4" fillId="0" borderId="48" xfId="0" applyFont="1" applyBorder="1" applyAlignment="1">
      <alignment horizontal="center" vertical="center"/>
    </xf>
    <xf numFmtId="0" fontId="4" fillId="0" borderId="49" xfId="0" applyFont="1" applyBorder="1" applyAlignment="1">
      <alignment horizontal="distributed" vertical="center" justifyLastLine="1"/>
    </xf>
    <xf numFmtId="0" fontId="4" fillId="0" borderId="3" xfId="0" applyFont="1" applyBorder="1" applyAlignment="1">
      <alignment horizontal="distributed" vertical="center" justifyLastLine="1"/>
    </xf>
    <xf numFmtId="0" fontId="4" fillId="0" borderId="50" xfId="0" applyFont="1" applyBorder="1" applyAlignment="1">
      <alignment horizontal="distributed" vertical="center" justifyLastLine="1"/>
    </xf>
    <xf numFmtId="0" fontId="4" fillId="0" borderId="4" xfId="0" applyFont="1" applyBorder="1" applyAlignment="1">
      <alignment horizontal="distributed" vertical="center" justifyLastLine="1"/>
    </xf>
    <xf numFmtId="177" fontId="4" fillId="0" borderId="23" xfId="1" applyNumberFormat="1" applyFont="1" applyBorder="1" applyAlignment="1">
      <alignment vertical="center"/>
    </xf>
    <xf numFmtId="177" fontId="4" fillId="0" borderId="51" xfId="1" applyNumberFormat="1" applyFont="1" applyBorder="1" applyAlignment="1">
      <alignment vertical="center"/>
    </xf>
    <xf numFmtId="177" fontId="4" fillId="0" borderId="52" xfId="1" applyNumberFormat="1" applyFont="1" applyBorder="1" applyAlignment="1">
      <alignment vertical="center"/>
    </xf>
    <xf numFmtId="177" fontId="4" fillId="0" borderId="19" xfId="1" applyNumberFormat="1" applyFont="1" applyFill="1" applyBorder="1" applyAlignment="1">
      <alignment vertical="center"/>
    </xf>
    <xf numFmtId="0" fontId="4" fillId="0" borderId="36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178" fontId="4" fillId="0" borderId="38" xfId="0" applyNumberFormat="1" applyFont="1" applyBorder="1" applyAlignment="1">
      <alignment vertical="center"/>
    </xf>
    <xf numFmtId="178" fontId="4" fillId="0" borderId="53" xfId="0" applyNumberFormat="1" applyFont="1" applyBorder="1" applyAlignment="1">
      <alignment vertical="center"/>
    </xf>
    <xf numFmtId="178" fontId="4" fillId="0" borderId="54" xfId="0" applyNumberFormat="1" applyFont="1" applyBorder="1" applyAlignment="1">
      <alignment vertical="center"/>
    </xf>
    <xf numFmtId="178" fontId="4" fillId="0" borderId="39" xfId="0" applyNumberFormat="1" applyFont="1" applyFill="1" applyBorder="1" applyAlignment="1">
      <alignment vertical="center"/>
    </xf>
    <xf numFmtId="38" fontId="4" fillId="0" borderId="21" xfId="1" applyFont="1" applyBorder="1" applyAlignment="1">
      <alignment vertical="center"/>
    </xf>
    <xf numFmtId="177" fontId="4" fillId="0" borderId="0" xfId="1" applyNumberFormat="1" applyFont="1" applyBorder="1" applyAlignment="1">
      <alignment vertical="center"/>
    </xf>
    <xf numFmtId="177" fontId="4" fillId="0" borderId="20" xfId="1" applyNumberFormat="1" applyFont="1" applyBorder="1" applyAlignment="1">
      <alignment vertical="center"/>
    </xf>
    <xf numFmtId="178" fontId="4" fillId="0" borderId="39" xfId="0" applyNumberFormat="1" applyFont="1" applyBorder="1" applyAlignment="1">
      <alignment vertical="center"/>
    </xf>
    <xf numFmtId="2" fontId="4" fillId="0" borderId="57" xfId="0" applyNumberFormat="1" applyFont="1" applyBorder="1" applyAlignment="1">
      <alignment horizontal="center" vertical="center"/>
    </xf>
    <xf numFmtId="2" fontId="4" fillId="0" borderId="58" xfId="0" applyNumberFormat="1" applyFont="1" applyBorder="1" applyAlignment="1">
      <alignment horizontal="center" vertical="center"/>
    </xf>
    <xf numFmtId="2" fontId="4" fillId="0" borderId="59" xfId="0" applyNumberFormat="1" applyFont="1" applyBorder="1" applyAlignment="1">
      <alignment horizontal="center" vertical="center"/>
    </xf>
    <xf numFmtId="2" fontId="4" fillId="0" borderId="60" xfId="0" applyNumberFormat="1" applyFont="1" applyBorder="1" applyAlignment="1">
      <alignment horizontal="center" vertical="center"/>
    </xf>
    <xf numFmtId="176" fontId="4" fillId="0" borderId="47" xfId="0" applyNumberFormat="1" applyFont="1" applyBorder="1" applyAlignment="1">
      <alignment vertical="center"/>
    </xf>
    <xf numFmtId="0" fontId="5" fillId="0" borderId="0" xfId="0" applyFont="1" applyAlignment="1">
      <alignment vertical="center"/>
    </xf>
    <xf numFmtId="178" fontId="4" fillId="0" borderId="38" xfId="0" applyNumberFormat="1" applyFont="1" applyBorder="1" applyAlignment="1">
      <alignment horizontal="right" vertical="center"/>
    </xf>
    <xf numFmtId="0" fontId="4" fillId="0" borderId="37" xfId="0" applyFont="1" applyBorder="1" applyAlignment="1">
      <alignment vertical="center"/>
    </xf>
    <xf numFmtId="0" fontId="4" fillId="0" borderId="38" xfId="0" applyFont="1" applyBorder="1" applyAlignment="1">
      <alignment vertical="center"/>
    </xf>
    <xf numFmtId="0" fontId="4" fillId="0" borderId="39" xfId="0" applyFont="1" applyBorder="1" applyAlignment="1">
      <alignment vertical="center"/>
    </xf>
    <xf numFmtId="0" fontId="0" fillId="0" borderId="0" xfId="0" applyFont="1" applyAlignment="1">
      <alignment vertical="center"/>
    </xf>
    <xf numFmtId="176" fontId="0" fillId="0" borderId="0" xfId="0" applyNumberFormat="1" applyFont="1" applyAlignment="1">
      <alignment vertical="center"/>
    </xf>
    <xf numFmtId="0" fontId="0" fillId="0" borderId="0" xfId="0" quotePrefix="1" applyFont="1" applyAlignment="1">
      <alignment vertical="center"/>
    </xf>
    <xf numFmtId="0" fontId="4" fillId="0" borderId="17" xfId="0" applyFont="1" applyFill="1" applyBorder="1" applyAlignment="1">
      <alignment vertical="center"/>
    </xf>
    <xf numFmtId="176" fontId="4" fillId="0" borderId="36" xfId="0" applyNumberFormat="1" applyFont="1" applyBorder="1" applyAlignment="1">
      <alignment vertical="center"/>
    </xf>
    <xf numFmtId="176" fontId="4" fillId="0" borderId="41" xfId="0" applyNumberFormat="1" applyFont="1" applyBorder="1" applyAlignment="1">
      <alignment vertical="center"/>
    </xf>
    <xf numFmtId="176" fontId="4" fillId="0" borderId="45" xfId="0" applyNumberFormat="1" applyFont="1" applyBorder="1" applyAlignment="1">
      <alignment vertical="center"/>
    </xf>
    <xf numFmtId="176" fontId="4" fillId="0" borderId="19" xfId="0" applyNumberFormat="1" applyFont="1" applyFill="1" applyBorder="1" applyAlignment="1">
      <alignment vertical="center"/>
    </xf>
    <xf numFmtId="176" fontId="4" fillId="0" borderId="45" xfId="0" applyNumberFormat="1" applyFont="1" applyFill="1" applyBorder="1" applyAlignment="1">
      <alignment vertical="center"/>
    </xf>
    <xf numFmtId="0" fontId="4" fillId="0" borderId="16" xfId="0" applyFont="1" applyBorder="1" applyAlignment="1">
      <alignment vertical="center"/>
    </xf>
    <xf numFmtId="0" fontId="4" fillId="0" borderId="46" xfId="0" applyFont="1" applyBorder="1" applyAlignment="1">
      <alignment vertical="center"/>
    </xf>
    <xf numFmtId="0" fontId="4" fillId="0" borderId="0" xfId="0" applyFont="1" applyBorder="1" applyAlignment="1">
      <alignment horizontal="right" vertical="center"/>
    </xf>
    <xf numFmtId="0" fontId="4" fillId="0" borderId="1" xfId="0" applyFont="1" applyBorder="1" applyAlignment="1">
      <alignment vertical="center" wrapText="1"/>
    </xf>
    <xf numFmtId="0" fontId="0" fillId="0" borderId="2" xfId="0" applyFont="1" applyBorder="1" applyAlignment="1">
      <alignment vertical="center" wrapText="1"/>
    </xf>
    <xf numFmtId="0" fontId="4" fillId="0" borderId="10" xfId="0" applyFont="1" applyBorder="1" applyAlignment="1">
      <alignment vertical="center" wrapText="1"/>
    </xf>
    <xf numFmtId="0" fontId="0" fillId="0" borderId="11" xfId="0" applyFont="1" applyBorder="1" applyAlignment="1">
      <alignment vertical="center" wrapText="1"/>
    </xf>
    <xf numFmtId="0" fontId="4" fillId="0" borderId="3" xfId="0" applyFont="1" applyBorder="1" applyAlignment="1">
      <alignment horizontal="distributed" vertical="center" justifyLastLine="1"/>
    </xf>
    <xf numFmtId="0" fontId="4" fillId="0" borderId="4" xfId="0" applyFont="1" applyBorder="1" applyAlignment="1">
      <alignment horizontal="distributed" vertical="center" justifyLastLine="1"/>
    </xf>
    <xf numFmtId="0" fontId="4" fillId="0" borderId="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vertical="center" justifyLastLine="1"/>
    </xf>
    <xf numFmtId="0" fontId="4" fillId="0" borderId="7" xfId="0" applyFont="1" applyBorder="1" applyAlignment="1">
      <alignment horizontal="distributed" vertical="center" justifyLastLine="1"/>
    </xf>
    <xf numFmtId="0" fontId="4" fillId="0" borderId="8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4" fillId="0" borderId="48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0" fillId="0" borderId="22" xfId="0" applyFont="1" applyBorder="1" applyAlignment="1">
      <alignment horizontal="center" vertical="center"/>
    </xf>
    <xf numFmtId="0" fontId="4" fillId="0" borderId="55" xfId="0" applyFont="1" applyBorder="1" applyAlignment="1">
      <alignment horizontal="center" vertical="center"/>
    </xf>
    <xf numFmtId="0" fontId="0" fillId="0" borderId="56" xfId="0" applyFont="1" applyBorder="1" applyAlignment="1">
      <alignment horizontal="center" vertical="center"/>
    </xf>
    <xf numFmtId="0" fontId="4" fillId="0" borderId="0" xfId="0" applyFont="1" applyAlignment="1">
      <alignment vertical="center" wrapText="1"/>
    </xf>
    <xf numFmtId="0" fontId="4" fillId="0" borderId="41" xfId="0" applyFont="1" applyBorder="1" applyAlignment="1">
      <alignment vertical="center" wrapText="1"/>
    </xf>
    <xf numFmtId="178" fontId="4" fillId="0" borderId="37" xfId="0" applyNumberFormat="1" applyFont="1" applyBorder="1" applyAlignment="1">
      <alignment horizontal="right" vertical="center"/>
    </xf>
    <xf numFmtId="178" fontId="4" fillId="0" borderId="39" xfId="0" applyNumberFormat="1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3"/>
  <sheetViews>
    <sheetView tabSelected="1" view="pageBreakPreview" topLeftCell="A31" zoomScaleNormal="100" workbookViewId="0">
      <selection activeCell="K9" sqref="K9"/>
    </sheetView>
  </sheetViews>
  <sheetFormatPr defaultRowHeight="13.5" x14ac:dyDescent="0.15"/>
  <cols>
    <col min="1" max="1" width="11" style="108" customWidth="1"/>
    <col min="2" max="2" width="5.625" style="108" customWidth="1"/>
    <col min="3" max="8" width="11.625" style="108" customWidth="1"/>
    <col min="9" max="14" width="13.375" style="108" customWidth="1"/>
    <col min="15" max="16384" width="9" style="108"/>
  </cols>
  <sheetData>
    <row r="1" spans="1:15" s="1" customFormat="1" ht="17.25" x14ac:dyDescent="0.15">
      <c r="A1" s="108" t="s">
        <v>0</v>
      </c>
      <c r="B1" s="108"/>
      <c r="D1" s="2"/>
      <c r="I1" s="108"/>
      <c r="J1" s="108"/>
      <c r="K1" s="108"/>
      <c r="L1" s="108"/>
      <c r="M1" s="108"/>
      <c r="N1" s="108"/>
    </row>
    <row r="2" spans="1:15" ht="14.25" thickBot="1" x14ac:dyDescent="0.2">
      <c r="E2" s="109"/>
      <c r="I2" s="3"/>
      <c r="J2" s="3"/>
      <c r="K2" s="3"/>
      <c r="L2" s="3"/>
      <c r="M2" s="119" t="s">
        <v>1</v>
      </c>
      <c r="N2" s="119"/>
      <c r="O2" s="110"/>
    </row>
    <row r="3" spans="1:15" s="3" customFormat="1" ht="21.75" customHeight="1" x14ac:dyDescent="0.15">
      <c r="A3" s="120" t="s">
        <v>2</v>
      </c>
      <c r="B3" s="121"/>
      <c r="C3" s="124" t="s">
        <v>3</v>
      </c>
      <c r="D3" s="125"/>
      <c r="E3" s="126"/>
      <c r="F3" s="124" t="s">
        <v>4</v>
      </c>
      <c r="G3" s="125"/>
      <c r="H3" s="127"/>
      <c r="I3" s="128" t="s">
        <v>5</v>
      </c>
      <c r="J3" s="128"/>
      <c r="K3" s="129"/>
      <c r="L3" s="128" t="s">
        <v>6</v>
      </c>
      <c r="M3" s="128"/>
      <c r="N3" s="130"/>
    </row>
    <row r="4" spans="1:15" s="3" customFormat="1" ht="23.25" customHeight="1" x14ac:dyDescent="0.15">
      <c r="A4" s="122"/>
      <c r="B4" s="123"/>
      <c r="C4" s="4" t="s">
        <v>7</v>
      </c>
      <c r="D4" s="4" t="s">
        <v>8</v>
      </c>
      <c r="E4" s="5" t="s">
        <v>9</v>
      </c>
      <c r="F4" s="4" t="s">
        <v>7</v>
      </c>
      <c r="G4" s="4" t="s">
        <v>8</v>
      </c>
      <c r="H4" s="6" t="s">
        <v>9</v>
      </c>
      <c r="I4" s="7" t="s">
        <v>7</v>
      </c>
      <c r="J4" s="7" t="s">
        <v>8</v>
      </c>
      <c r="K4" s="8" t="s">
        <v>9</v>
      </c>
      <c r="L4" s="9" t="s">
        <v>7</v>
      </c>
      <c r="M4" s="4" t="s">
        <v>8</v>
      </c>
      <c r="N4" s="6" t="s">
        <v>9</v>
      </c>
    </row>
    <row r="5" spans="1:15" s="3" customFormat="1" ht="21.95" customHeight="1" x14ac:dyDescent="0.15">
      <c r="A5" s="25" t="s">
        <v>10</v>
      </c>
      <c r="B5" s="14"/>
      <c r="C5" s="27">
        <v>1433792</v>
      </c>
      <c r="D5" s="27">
        <v>80522</v>
      </c>
      <c r="E5" s="27">
        <v>1514314</v>
      </c>
      <c r="F5" s="27">
        <v>2430842</v>
      </c>
      <c r="G5" s="27">
        <v>168905</v>
      </c>
      <c r="H5" s="28">
        <v>2599747</v>
      </c>
      <c r="I5" s="29">
        <v>879070</v>
      </c>
      <c r="J5" s="29">
        <v>64675</v>
      </c>
      <c r="K5" s="29">
        <v>943745</v>
      </c>
      <c r="L5" s="30">
        <v>1080</v>
      </c>
      <c r="M5" s="31">
        <v>84</v>
      </c>
      <c r="N5" s="32">
        <v>1164</v>
      </c>
    </row>
    <row r="6" spans="1:15" s="3" customFormat="1" ht="21.95" customHeight="1" x14ac:dyDescent="0.15">
      <c r="A6" s="16"/>
      <c r="B6" s="18"/>
      <c r="C6" s="19">
        <v>1.0029999999999999</v>
      </c>
      <c r="D6" s="19">
        <v>0.96099999999999997</v>
      </c>
      <c r="E6" s="19">
        <v>1.0009999999999999</v>
      </c>
      <c r="F6" s="19">
        <v>0.997</v>
      </c>
      <c r="G6" s="19">
        <v>0.96099999999999997</v>
      </c>
      <c r="H6" s="20">
        <v>0.995</v>
      </c>
      <c r="I6" s="26">
        <v>1.002</v>
      </c>
      <c r="J6" s="26">
        <v>0.97699999999999998</v>
      </c>
      <c r="K6" s="26">
        <v>1</v>
      </c>
      <c r="L6" s="33"/>
      <c r="M6" s="34"/>
      <c r="N6" s="35"/>
    </row>
    <row r="7" spans="1:15" s="3" customFormat="1" ht="21.95" customHeight="1" x14ac:dyDescent="0.15">
      <c r="A7" s="25" t="s">
        <v>11</v>
      </c>
      <c r="B7" s="14"/>
      <c r="C7" s="27">
        <v>1426481</v>
      </c>
      <c r="D7" s="27">
        <v>79598</v>
      </c>
      <c r="E7" s="27">
        <v>1506079</v>
      </c>
      <c r="F7" s="27">
        <v>2398116</v>
      </c>
      <c r="G7" s="27">
        <v>166516</v>
      </c>
      <c r="H7" s="28">
        <v>2564632</v>
      </c>
      <c r="I7" s="29">
        <v>849016</v>
      </c>
      <c r="J7" s="29">
        <v>63952</v>
      </c>
      <c r="K7" s="29">
        <v>912968</v>
      </c>
      <c r="L7" s="30">
        <v>1076</v>
      </c>
      <c r="M7" s="31">
        <v>74</v>
      </c>
      <c r="N7" s="32">
        <v>1150</v>
      </c>
    </row>
    <row r="8" spans="1:15" s="3" customFormat="1" ht="21.95" customHeight="1" x14ac:dyDescent="0.15">
      <c r="A8" s="16"/>
      <c r="B8" s="36"/>
      <c r="C8" s="37">
        <v>0.995</v>
      </c>
      <c r="D8" s="37">
        <v>0.98899999999999999</v>
      </c>
      <c r="E8" s="37">
        <v>0.995</v>
      </c>
      <c r="F8" s="37">
        <v>0.98699999999999999</v>
      </c>
      <c r="G8" s="37">
        <v>0.98599999999999999</v>
      </c>
      <c r="H8" s="38">
        <v>0.98599999999999999</v>
      </c>
      <c r="I8" s="39">
        <v>0.96599999999999997</v>
      </c>
      <c r="J8" s="39">
        <v>0.98899999999999999</v>
      </c>
      <c r="K8" s="39">
        <v>0.96699999999999997</v>
      </c>
      <c r="L8" s="40"/>
      <c r="M8" s="41"/>
      <c r="N8" s="42"/>
    </row>
    <row r="9" spans="1:15" s="3" customFormat="1" ht="21.95" customHeight="1" x14ac:dyDescent="0.15">
      <c r="A9" s="25" t="s">
        <v>12</v>
      </c>
      <c r="B9" s="14"/>
      <c r="C9" s="43">
        <v>1413103</v>
      </c>
      <c r="D9" s="27">
        <v>78544</v>
      </c>
      <c r="E9" s="27">
        <v>1491647</v>
      </c>
      <c r="F9" s="27">
        <v>2344623</v>
      </c>
      <c r="G9" s="27">
        <v>163315</v>
      </c>
      <c r="H9" s="28">
        <v>2507938</v>
      </c>
      <c r="I9" s="29">
        <v>811124</v>
      </c>
      <c r="J9" s="29">
        <v>63214</v>
      </c>
      <c r="K9" s="29">
        <v>874338</v>
      </c>
      <c r="L9" s="30">
        <v>1090</v>
      </c>
      <c r="M9" s="31">
        <v>79</v>
      </c>
      <c r="N9" s="32">
        <v>1169</v>
      </c>
    </row>
    <row r="10" spans="1:15" s="3" customFormat="1" ht="21.95" customHeight="1" x14ac:dyDescent="0.15">
      <c r="A10" s="17"/>
      <c r="B10" s="18"/>
      <c r="C10" s="44">
        <v>0.99099999999999999</v>
      </c>
      <c r="D10" s="44">
        <v>0.98699999999999999</v>
      </c>
      <c r="E10" s="44">
        <v>0.99</v>
      </c>
      <c r="F10" s="44">
        <v>0.97799999999999998</v>
      </c>
      <c r="G10" s="44">
        <v>0.98099999999999998</v>
      </c>
      <c r="H10" s="45">
        <v>0.97799999999999998</v>
      </c>
      <c r="I10" s="46">
        <v>0.95499999999999996</v>
      </c>
      <c r="J10" s="46">
        <v>0.98799999999999999</v>
      </c>
      <c r="K10" s="46">
        <v>0.95799999999999996</v>
      </c>
      <c r="L10" s="47"/>
      <c r="M10" s="48"/>
      <c r="N10" s="49"/>
    </row>
    <row r="11" spans="1:15" s="3" customFormat="1" ht="21.95" customHeight="1" x14ac:dyDescent="0.15">
      <c r="A11" s="50" t="s">
        <v>13</v>
      </c>
      <c r="B11" s="14"/>
      <c r="C11" s="15">
        <v>1390260</v>
      </c>
      <c r="D11" s="15">
        <v>77217</v>
      </c>
      <c r="E11" s="15">
        <v>1467477</v>
      </c>
      <c r="F11" s="15">
        <v>2272725</v>
      </c>
      <c r="G11" s="15">
        <v>158416</v>
      </c>
      <c r="H11" s="51">
        <v>2431141</v>
      </c>
      <c r="I11" s="52">
        <v>767055</v>
      </c>
      <c r="J11" s="52">
        <v>61653</v>
      </c>
      <c r="K11" s="52">
        <v>828708</v>
      </c>
      <c r="L11" s="30">
        <v>1098</v>
      </c>
      <c r="M11" s="31">
        <v>78</v>
      </c>
      <c r="N11" s="32">
        <v>1176</v>
      </c>
    </row>
    <row r="12" spans="1:15" s="3" customFormat="1" ht="21.95" customHeight="1" x14ac:dyDescent="0.15">
      <c r="A12" s="17"/>
      <c r="B12" s="18"/>
      <c r="C12" s="19">
        <v>0.98399999999999999</v>
      </c>
      <c r="D12" s="19">
        <v>0.98299999999999998</v>
      </c>
      <c r="E12" s="19">
        <v>0.98399999999999999</v>
      </c>
      <c r="F12" s="19">
        <v>0.96899999999999997</v>
      </c>
      <c r="G12" s="19">
        <v>0.97</v>
      </c>
      <c r="H12" s="20">
        <v>0.96899999999999997</v>
      </c>
      <c r="I12" s="26">
        <v>0.94599999999999995</v>
      </c>
      <c r="J12" s="26">
        <v>0.97499999999999998</v>
      </c>
      <c r="K12" s="26">
        <v>0.94799999999999995</v>
      </c>
      <c r="L12" s="33"/>
      <c r="M12" s="34"/>
      <c r="N12" s="35"/>
    </row>
    <row r="13" spans="1:15" s="3" customFormat="1" ht="21.95" customHeight="1" x14ac:dyDescent="0.15">
      <c r="A13" s="50" t="s">
        <v>14</v>
      </c>
      <c r="B13" s="14"/>
      <c r="C13" s="43">
        <v>1358701</v>
      </c>
      <c r="D13" s="43">
        <v>73395</v>
      </c>
      <c r="E13" s="43">
        <v>1432096</v>
      </c>
      <c r="F13" s="43">
        <v>2184221</v>
      </c>
      <c r="G13" s="43">
        <v>147238</v>
      </c>
      <c r="H13" s="53">
        <v>2331459</v>
      </c>
      <c r="I13" s="54">
        <v>726202</v>
      </c>
      <c r="J13" s="54">
        <v>57827</v>
      </c>
      <c r="K13" s="54">
        <v>784029</v>
      </c>
      <c r="L13" s="30">
        <v>1097</v>
      </c>
      <c r="M13" s="31">
        <v>78</v>
      </c>
      <c r="N13" s="32">
        <v>1175</v>
      </c>
    </row>
    <row r="14" spans="1:15" s="3" customFormat="1" ht="21.95" customHeight="1" x14ac:dyDescent="0.15">
      <c r="A14" s="17"/>
      <c r="B14" s="18"/>
      <c r="C14" s="19">
        <v>0.97699999999999998</v>
      </c>
      <c r="D14" s="19">
        <v>0.95099999999999996</v>
      </c>
      <c r="E14" s="19">
        <v>0.97599999999999998</v>
      </c>
      <c r="F14" s="19">
        <v>0.96099999999999997</v>
      </c>
      <c r="G14" s="19">
        <v>0.92900000000000005</v>
      </c>
      <c r="H14" s="20">
        <v>0.95899999999999996</v>
      </c>
      <c r="I14" s="26">
        <v>0.94699999999999995</v>
      </c>
      <c r="J14" s="26">
        <v>0.93799999999999994</v>
      </c>
      <c r="K14" s="26">
        <v>0.94599999999999995</v>
      </c>
      <c r="L14" s="18"/>
      <c r="M14" s="21"/>
      <c r="N14" s="22"/>
    </row>
    <row r="15" spans="1:15" s="62" customFormat="1" ht="21.95" customHeight="1" x14ac:dyDescent="0.15">
      <c r="A15" s="23" t="s">
        <v>15</v>
      </c>
      <c r="B15" s="111"/>
      <c r="C15" s="55">
        <v>1303471</v>
      </c>
      <c r="D15" s="56">
        <v>72054</v>
      </c>
      <c r="E15" s="56">
        <v>1375525</v>
      </c>
      <c r="F15" s="56">
        <v>2051732</v>
      </c>
      <c r="G15" s="56">
        <v>142512</v>
      </c>
      <c r="H15" s="57">
        <v>2194244</v>
      </c>
      <c r="I15" s="58">
        <v>670010</v>
      </c>
      <c r="J15" s="58">
        <v>56897</v>
      </c>
      <c r="K15" s="56">
        <v>726907</v>
      </c>
      <c r="L15" s="59">
        <v>1084</v>
      </c>
      <c r="M15" s="60">
        <v>77</v>
      </c>
      <c r="N15" s="61">
        <v>1161</v>
      </c>
    </row>
    <row r="16" spans="1:15" s="3" customFormat="1" ht="21.95" customHeight="1" x14ac:dyDescent="0.15">
      <c r="A16" s="112"/>
      <c r="B16" s="105"/>
      <c r="C16" s="104">
        <v>0.95899999999999996</v>
      </c>
      <c r="D16" s="104">
        <v>0.98199999999999998</v>
      </c>
      <c r="E16" s="104">
        <v>0.96</v>
      </c>
      <c r="F16" s="104">
        <v>0.93899999999999995</v>
      </c>
      <c r="G16" s="104">
        <v>0.96799999999999997</v>
      </c>
      <c r="H16" s="140">
        <v>0.94099999999999995</v>
      </c>
      <c r="I16" s="139">
        <v>0.92300000000000004</v>
      </c>
      <c r="J16" s="104">
        <v>0.98399999999999999</v>
      </c>
      <c r="K16" s="104">
        <v>0.92700000000000005</v>
      </c>
      <c r="L16" s="105"/>
      <c r="M16" s="106"/>
      <c r="N16" s="107"/>
    </row>
    <row r="17" spans="1:15" s="3" customFormat="1" ht="23.25" customHeight="1" x14ac:dyDescent="0.15">
      <c r="A17" s="63" t="s">
        <v>16</v>
      </c>
      <c r="B17" s="64" t="s">
        <v>17</v>
      </c>
      <c r="C17" s="12">
        <v>1358701</v>
      </c>
      <c r="D17" s="10">
        <v>73644</v>
      </c>
      <c r="E17" s="12">
        <v>1432345</v>
      </c>
      <c r="F17" s="12">
        <v>2184221</v>
      </c>
      <c r="G17" s="10">
        <v>147117</v>
      </c>
      <c r="H17" s="13">
        <v>2331338</v>
      </c>
      <c r="I17" s="65">
        <v>726202</v>
      </c>
      <c r="J17" s="65">
        <v>57831</v>
      </c>
      <c r="K17" s="77">
        <v>784033</v>
      </c>
      <c r="L17" s="66">
        <v>1096</v>
      </c>
      <c r="M17" s="10">
        <v>80</v>
      </c>
      <c r="N17" s="113">
        <v>1176</v>
      </c>
    </row>
    <row r="18" spans="1:15" s="3" customFormat="1" ht="23.25" customHeight="1" x14ac:dyDescent="0.15">
      <c r="A18" s="67" t="s">
        <v>18</v>
      </c>
      <c r="B18" s="68" t="s">
        <v>19</v>
      </c>
      <c r="C18" s="10">
        <v>1371920</v>
      </c>
      <c r="D18" s="10">
        <v>73705</v>
      </c>
      <c r="E18" s="10">
        <v>1445625</v>
      </c>
      <c r="F18" s="10">
        <v>2203275</v>
      </c>
      <c r="G18" s="10">
        <v>146678</v>
      </c>
      <c r="H18" s="11">
        <v>2349953</v>
      </c>
      <c r="I18" s="65">
        <v>732959</v>
      </c>
      <c r="J18" s="65">
        <v>57782</v>
      </c>
      <c r="K18" s="10">
        <v>790741</v>
      </c>
      <c r="L18" s="66">
        <v>1081</v>
      </c>
      <c r="M18" s="10">
        <v>79</v>
      </c>
      <c r="N18" s="113">
        <v>1160</v>
      </c>
    </row>
    <row r="19" spans="1:15" s="3" customFormat="1" ht="23.25" customHeight="1" x14ac:dyDescent="0.15">
      <c r="A19" s="67" t="s">
        <v>20</v>
      </c>
      <c r="B19" s="68" t="s">
        <v>21</v>
      </c>
      <c r="C19" s="10">
        <v>1369392</v>
      </c>
      <c r="D19" s="10">
        <v>73567</v>
      </c>
      <c r="E19" s="10">
        <v>1442959</v>
      </c>
      <c r="F19" s="10">
        <v>2192581</v>
      </c>
      <c r="G19" s="10">
        <v>146036</v>
      </c>
      <c r="H19" s="11">
        <v>2338617</v>
      </c>
      <c r="I19" s="65">
        <v>730581</v>
      </c>
      <c r="J19" s="65">
        <v>57658</v>
      </c>
      <c r="K19" s="10">
        <v>788239</v>
      </c>
      <c r="L19" s="66">
        <v>1081</v>
      </c>
      <c r="M19" s="10">
        <v>79</v>
      </c>
      <c r="N19" s="113">
        <v>1160</v>
      </c>
    </row>
    <row r="20" spans="1:15" s="3" customFormat="1" ht="23.25" customHeight="1" x14ac:dyDescent="0.15">
      <c r="A20" s="67" t="s">
        <v>22</v>
      </c>
      <c r="B20" s="68" t="s">
        <v>23</v>
      </c>
      <c r="C20" s="10">
        <v>1360327</v>
      </c>
      <c r="D20" s="10">
        <v>73459</v>
      </c>
      <c r="E20" s="10">
        <v>1433786</v>
      </c>
      <c r="F20" s="10">
        <v>2176096</v>
      </c>
      <c r="G20" s="10">
        <v>145765</v>
      </c>
      <c r="H20" s="11">
        <v>2321861</v>
      </c>
      <c r="I20" s="65">
        <v>724011</v>
      </c>
      <c r="J20" s="65">
        <v>57661</v>
      </c>
      <c r="K20" s="10">
        <v>781672</v>
      </c>
      <c r="L20" s="66">
        <v>1083</v>
      </c>
      <c r="M20" s="10">
        <v>78</v>
      </c>
      <c r="N20" s="113">
        <v>1161</v>
      </c>
    </row>
    <row r="21" spans="1:15" s="3" customFormat="1" ht="23.25" customHeight="1" x14ac:dyDescent="0.15">
      <c r="A21" s="67" t="s">
        <v>24</v>
      </c>
      <c r="B21" s="68" t="s">
        <v>25</v>
      </c>
      <c r="C21" s="10">
        <v>1355401</v>
      </c>
      <c r="D21" s="10">
        <v>73207</v>
      </c>
      <c r="E21" s="10">
        <v>1428608</v>
      </c>
      <c r="F21" s="10">
        <v>2164370</v>
      </c>
      <c r="G21" s="10">
        <v>145242</v>
      </c>
      <c r="H21" s="11">
        <v>2309612</v>
      </c>
      <c r="I21" s="65">
        <v>719396</v>
      </c>
      <c r="J21" s="65">
        <v>57597</v>
      </c>
      <c r="K21" s="10">
        <v>776993</v>
      </c>
      <c r="L21" s="66">
        <v>1082</v>
      </c>
      <c r="M21" s="10">
        <v>78</v>
      </c>
      <c r="N21" s="113">
        <v>1160</v>
      </c>
    </row>
    <row r="22" spans="1:15" s="3" customFormat="1" ht="23.25" customHeight="1" x14ac:dyDescent="0.15">
      <c r="A22" s="67" t="s">
        <v>26</v>
      </c>
      <c r="B22" s="68" t="s">
        <v>27</v>
      </c>
      <c r="C22" s="10">
        <v>1349030</v>
      </c>
      <c r="D22" s="10">
        <v>72964</v>
      </c>
      <c r="E22" s="10">
        <v>1421994</v>
      </c>
      <c r="F22" s="10">
        <v>2150796</v>
      </c>
      <c r="G22" s="10">
        <v>144679</v>
      </c>
      <c r="H22" s="11">
        <v>2295475</v>
      </c>
      <c r="I22" s="65">
        <v>714210</v>
      </c>
      <c r="J22" s="65">
        <v>57514</v>
      </c>
      <c r="K22" s="10">
        <v>771724</v>
      </c>
      <c r="L22" s="66">
        <v>1038</v>
      </c>
      <c r="M22" s="10">
        <v>78</v>
      </c>
      <c r="N22" s="113">
        <v>1116</v>
      </c>
    </row>
    <row r="23" spans="1:15" s="3" customFormat="1" ht="23.25" customHeight="1" x14ac:dyDescent="0.15">
      <c r="A23" s="67" t="s">
        <v>28</v>
      </c>
      <c r="B23" s="68" t="s">
        <v>29</v>
      </c>
      <c r="C23" s="10">
        <v>1346457</v>
      </c>
      <c r="D23" s="10">
        <v>72047</v>
      </c>
      <c r="E23" s="10">
        <v>1418504</v>
      </c>
      <c r="F23" s="10">
        <v>2142655</v>
      </c>
      <c r="G23" s="10">
        <v>142664</v>
      </c>
      <c r="H23" s="11">
        <v>2285319</v>
      </c>
      <c r="I23" s="65">
        <v>710364</v>
      </c>
      <c r="J23" s="65">
        <v>56919</v>
      </c>
      <c r="K23" s="10">
        <v>767283</v>
      </c>
      <c r="L23" s="69">
        <v>1039</v>
      </c>
      <c r="M23" s="10">
        <v>78</v>
      </c>
      <c r="N23" s="113">
        <v>1117</v>
      </c>
    </row>
    <row r="24" spans="1:15" s="3" customFormat="1" ht="23.25" customHeight="1" x14ac:dyDescent="0.15">
      <c r="A24" s="67" t="s">
        <v>30</v>
      </c>
      <c r="B24" s="68" t="s">
        <v>31</v>
      </c>
      <c r="C24" s="10">
        <v>1337471</v>
      </c>
      <c r="D24" s="10">
        <v>71994</v>
      </c>
      <c r="E24" s="10">
        <v>1409465</v>
      </c>
      <c r="F24" s="10">
        <v>2122431</v>
      </c>
      <c r="G24" s="10">
        <v>142373</v>
      </c>
      <c r="H24" s="11">
        <v>2264804</v>
      </c>
      <c r="I24" s="65">
        <v>700470</v>
      </c>
      <c r="J24" s="65">
        <v>56795</v>
      </c>
      <c r="K24" s="10">
        <v>757265</v>
      </c>
      <c r="L24" s="69">
        <v>1041</v>
      </c>
      <c r="M24" s="10">
        <v>78</v>
      </c>
      <c r="N24" s="113">
        <v>1119</v>
      </c>
    </row>
    <row r="25" spans="1:15" s="3" customFormat="1" ht="23.25" customHeight="1" x14ac:dyDescent="0.15">
      <c r="A25" s="67" t="s">
        <v>32</v>
      </c>
      <c r="B25" s="68" t="s">
        <v>33</v>
      </c>
      <c r="C25" s="10">
        <v>1327917</v>
      </c>
      <c r="D25" s="10">
        <v>71997</v>
      </c>
      <c r="E25" s="10">
        <v>1399914</v>
      </c>
      <c r="F25" s="10">
        <v>2103048</v>
      </c>
      <c r="G25" s="10">
        <v>142513</v>
      </c>
      <c r="H25" s="11">
        <v>2245561</v>
      </c>
      <c r="I25" s="65">
        <v>692612</v>
      </c>
      <c r="J25" s="65">
        <v>56840</v>
      </c>
      <c r="K25" s="10">
        <v>749452</v>
      </c>
      <c r="L25" s="69">
        <v>1041</v>
      </c>
      <c r="M25" s="10">
        <v>78</v>
      </c>
      <c r="N25" s="113">
        <v>1119</v>
      </c>
    </row>
    <row r="26" spans="1:15" s="3" customFormat="1" ht="23.25" customHeight="1" x14ac:dyDescent="0.15">
      <c r="A26" s="67" t="s">
        <v>34</v>
      </c>
      <c r="B26" s="68" t="s">
        <v>35</v>
      </c>
      <c r="C26" s="10">
        <v>1321282</v>
      </c>
      <c r="D26" s="10">
        <v>71785</v>
      </c>
      <c r="E26" s="10">
        <v>1393067</v>
      </c>
      <c r="F26" s="10">
        <v>2089976</v>
      </c>
      <c r="G26" s="10">
        <v>142184</v>
      </c>
      <c r="H26" s="11">
        <v>2232160</v>
      </c>
      <c r="I26" s="65">
        <v>686587</v>
      </c>
      <c r="J26" s="65">
        <v>56739</v>
      </c>
      <c r="K26" s="10">
        <v>743326</v>
      </c>
      <c r="L26" s="69">
        <v>1032</v>
      </c>
      <c r="M26" s="10">
        <v>77</v>
      </c>
      <c r="N26" s="113">
        <v>1109</v>
      </c>
    </row>
    <row r="27" spans="1:15" s="3" customFormat="1" ht="23.25" customHeight="1" x14ac:dyDescent="0.15">
      <c r="A27" s="67" t="s">
        <v>36</v>
      </c>
      <c r="B27" s="68" t="s">
        <v>37</v>
      </c>
      <c r="C27" s="10">
        <v>1313595</v>
      </c>
      <c r="D27" s="10">
        <v>71994</v>
      </c>
      <c r="E27" s="10">
        <v>1385589</v>
      </c>
      <c r="F27" s="10">
        <v>2075101</v>
      </c>
      <c r="G27" s="10">
        <v>142387</v>
      </c>
      <c r="H27" s="11">
        <v>2217488</v>
      </c>
      <c r="I27" s="65">
        <v>680661</v>
      </c>
      <c r="J27" s="65">
        <v>56795</v>
      </c>
      <c r="K27" s="10">
        <v>737456</v>
      </c>
      <c r="L27" s="69">
        <v>1032</v>
      </c>
      <c r="M27" s="10">
        <v>77</v>
      </c>
      <c r="N27" s="113">
        <v>1109</v>
      </c>
    </row>
    <row r="28" spans="1:15" s="3" customFormat="1" ht="23.25" customHeight="1" thickBot="1" x14ac:dyDescent="0.2">
      <c r="A28" s="70" t="s">
        <v>38</v>
      </c>
      <c r="B28" s="71" t="s">
        <v>39</v>
      </c>
      <c r="C28" s="72">
        <v>1306526</v>
      </c>
      <c r="D28" s="72">
        <v>72054</v>
      </c>
      <c r="E28" s="72">
        <v>1378580</v>
      </c>
      <c r="F28" s="72">
        <v>2061475</v>
      </c>
      <c r="G28" s="72">
        <v>142512</v>
      </c>
      <c r="H28" s="114">
        <v>2203987</v>
      </c>
      <c r="I28" s="73">
        <v>674555</v>
      </c>
      <c r="J28" s="73">
        <v>56897</v>
      </c>
      <c r="K28" s="72">
        <v>731452</v>
      </c>
      <c r="L28" s="74">
        <v>1036</v>
      </c>
      <c r="M28" s="72">
        <v>77</v>
      </c>
      <c r="N28" s="114">
        <v>1113</v>
      </c>
    </row>
    <row r="29" spans="1:15" s="3" customFormat="1" ht="15" customHeight="1" x14ac:dyDescent="0.15">
      <c r="A29" s="75" t="s">
        <v>40</v>
      </c>
      <c r="B29" s="75"/>
      <c r="C29" s="76"/>
      <c r="D29" s="76"/>
      <c r="E29" s="77"/>
      <c r="F29" s="77"/>
      <c r="G29" s="77"/>
      <c r="H29" s="77"/>
      <c r="I29" s="3" t="s">
        <v>41</v>
      </c>
    </row>
    <row r="30" spans="1:15" s="3" customFormat="1" ht="15" customHeight="1" x14ac:dyDescent="0.15">
      <c r="A30" s="3" t="s">
        <v>42</v>
      </c>
      <c r="I30" s="3" t="s">
        <v>43</v>
      </c>
    </row>
    <row r="31" spans="1:15" ht="15" customHeight="1" thickBot="1" x14ac:dyDescent="0.2">
      <c r="A31" s="78" t="s">
        <v>44</v>
      </c>
      <c r="B31" s="78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</row>
    <row r="32" spans="1:15" ht="15" customHeight="1" x14ac:dyDescent="0.15">
      <c r="A32" s="3"/>
      <c r="B32" s="3"/>
      <c r="C32" s="3"/>
      <c r="D32" s="3"/>
      <c r="E32" s="3"/>
      <c r="F32" s="3"/>
      <c r="G32" s="3"/>
      <c r="H32" s="3"/>
      <c r="I32" s="79" t="s">
        <v>45</v>
      </c>
      <c r="J32" s="80" t="s">
        <v>11</v>
      </c>
      <c r="K32" s="81" t="s">
        <v>12</v>
      </c>
      <c r="L32" s="81" t="s">
        <v>13</v>
      </c>
      <c r="M32" s="81" t="s">
        <v>14</v>
      </c>
      <c r="N32" s="82" t="s">
        <v>15</v>
      </c>
      <c r="O32" s="3"/>
    </row>
    <row r="33" spans="1:14" ht="15" customHeight="1" x14ac:dyDescent="0.15">
      <c r="A33" s="3" t="s">
        <v>46</v>
      </c>
      <c r="B33" s="3"/>
      <c r="C33" s="3"/>
      <c r="D33" s="3"/>
      <c r="E33" s="3"/>
      <c r="F33" s="3"/>
      <c r="G33" s="3"/>
      <c r="H33" s="3"/>
      <c r="I33" s="16" t="s">
        <v>3</v>
      </c>
      <c r="J33" s="10">
        <v>1506079</v>
      </c>
      <c r="K33" s="66">
        <v>1491647</v>
      </c>
      <c r="L33" s="66">
        <v>1467477</v>
      </c>
      <c r="M33" s="66">
        <v>1432096</v>
      </c>
      <c r="N33" s="115">
        <v>1375525</v>
      </c>
    </row>
    <row r="34" spans="1:14" ht="15" customHeight="1" thickBot="1" x14ac:dyDescent="0.2">
      <c r="A34" s="3"/>
      <c r="B34" s="3"/>
      <c r="C34" s="3"/>
      <c r="D34" s="3"/>
      <c r="E34" s="3"/>
      <c r="F34" s="3"/>
      <c r="G34" s="3"/>
      <c r="H34" s="3"/>
      <c r="I34" s="16" t="s">
        <v>47</v>
      </c>
      <c r="J34" s="10"/>
      <c r="K34" s="66"/>
      <c r="L34" s="66"/>
      <c r="M34" s="66"/>
      <c r="N34" s="115"/>
    </row>
    <row r="35" spans="1:14" ht="15" customHeight="1" x14ac:dyDescent="0.15">
      <c r="A35" s="131" t="s">
        <v>48</v>
      </c>
      <c r="B35" s="132"/>
      <c r="C35" s="80" t="s">
        <v>49</v>
      </c>
      <c r="D35" s="83" t="s">
        <v>50</v>
      </c>
      <c r="E35" s="81" t="s">
        <v>51</v>
      </c>
      <c r="F35" s="81" t="s">
        <v>52</v>
      </c>
      <c r="G35" s="81" t="s">
        <v>53</v>
      </c>
      <c r="H35" s="82" t="s">
        <v>54</v>
      </c>
      <c r="I35" s="16" t="s">
        <v>4</v>
      </c>
      <c r="J35" s="10">
        <v>2564632</v>
      </c>
      <c r="K35" s="66">
        <v>2507938</v>
      </c>
      <c r="L35" s="66">
        <v>2431141</v>
      </c>
      <c r="M35" s="66">
        <v>2331459</v>
      </c>
      <c r="N35" s="115">
        <v>2194244</v>
      </c>
    </row>
    <row r="36" spans="1:14" ht="15" customHeight="1" x14ac:dyDescent="0.15">
      <c r="A36" s="133" t="s">
        <v>55</v>
      </c>
      <c r="B36" s="134"/>
      <c r="C36" s="84">
        <v>8917368</v>
      </c>
      <c r="D36" s="85">
        <v>9083643</v>
      </c>
      <c r="E36" s="86">
        <v>9079236</v>
      </c>
      <c r="F36" s="84">
        <v>9099935</v>
      </c>
      <c r="G36" s="84">
        <v>9129317</v>
      </c>
      <c r="H36" s="87">
        <v>9144183</v>
      </c>
      <c r="I36" s="16" t="s">
        <v>56</v>
      </c>
      <c r="J36" s="10"/>
      <c r="K36" s="66"/>
      <c r="L36" s="66"/>
      <c r="M36" s="66"/>
      <c r="N36" s="115"/>
    </row>
    <row r="37" spans="1:14" ht="15" customHeight="1" x14ac:dyDescent="0.15">
      <c r="A37" s="88"/>
      <c r="B37" s="89"/>
      <c r="C37" s="90">
        <v>1.0009999999999999</v>
      </c>
      <c r="D37" s="91">
        <v>1.0189999999999999</v>
      </c>
      <c r="E37" s="92">
        <v>1</v>
      </c>
      <c r="F37" s="92">
        <v>1.002</v>
      </c>
      <c r="G37" s="92">
        <v>1.0029999999999999</v>
      </c>
      <c r="H37" s="93">
        <v>1.002</v>
      </c>
      <c r="I37" s="94" t="s">
        <v>6</v>
      </c>
      <c r="J37" s="10">
        <v>1150</v>
      </c>
      <c r="K37" s="66">
        <v>1169</v>
      </c>
      <c r="L37" s="66">
        <v>1176</v>
      </c>
      <c r="M37" s="66">
        <v>1175</v>
      </c>
      <c r="N37" s="115">
        <v>1161</v>
      </c>
    </row>
    <row r="38" spans="1:14" ht="15" customHeight="1" x14ac:dyDescent="0.15">
      <c r="A38" s="133" t="s">
        <v>57</v>
      </c>
      <c r="B38" s="134"/>
      <c r="C38" s="24">
        <v>2599747</v>
      </c>
      <c r="D38" s="95">
        <v>2564632</v>
      </c>
      <c r="E38" s="96">
        <v>2507938</v>
      </c>
      <c r="F38" s="96">
        <v>2431141</v>
      </c>
      <c r="G38" s="96">
        <v>2331459</v>
      </c>
      <c r="H38" s="87">
        <v>2194244</v>
      </c>
      <c r="I38" s="16" t="s">
        <v>58</v>
      </c>
      <c r="J38" s="10"/>
      <c r="K38" s="66"/>
      <c r="L38" s="66"/>
      <c r="M38" s="66"/>
      <c r="N38" s="115"/>
    </row>
    <row r="39" spans="1:14" ht="15" customHeight="1" x14ac:dyDescent="0.15">
      <c r="A39" s="88"/>
      <c r="B39" s="89"/>
      <c r="C39" s="90">
        <v>0.995</v>
      </c>
      <c r="D39" s="91">
        <v>0.98599999999999999</v>
      </c>
      <c r="E39" s="92">
        <v>0.97799999999999998</v>
      </c>
      <c r="F39" s="92">
        <v>0.96899999999999997</v>
      </c>
      <c r="G39" s="92">
        <v>0.95899999999999996</v>
      </c>
      <c r="H39" s="97">
        <v>0.94099999999999995</v>
      </c>
      <c r="I39" s="16" t="s">
        <v>59</v>
      </c>
      <c r="J39" s="10">
        <v>1310</v>
      </c>
      <c r="K39" s="66">
        <v>1276</v>
      </c>
      <c r="L39" s="66">
        <v>1248</v>
      </c>
      <c r="M39" s="66">
        <v>1219</v>
      </c>
      <c r="N39" s="115">
        <v>1185</v>
      </c>
    </row>
    <row r="40" spans="1:14" ht="15" customHeight="1" thickBot="1" x14ac:dyDescent="0.2">
      <c r="A40" s="135" t="s">
        <v>60</v>
      </c>
      <c r="B40" s="136"/>
      <c r="C40" s="98">
        <v>29.15</v>
      </c>
      <c r="D40" s="99">
        <v>28.23</v>
      </c>
      <c r="E40" s="100">
        <v>27.62</v>
      </c>
      <c r="F40" s="100">
        <v>26.72</v>
      </c>
      <c r="G40" s="100">
        <v>25.54</v>
      </c>
      <c r="H40" s="101">
        <v>24</v>
      </c>
      <c r="I40" s="16" t="s">
        <v>61</v>
      </c>
      <c r="J40" s="10"/>
      <c r="K40" s="66"/>
      <c r="L40" s="66"/>
      <c r="M40" s="66"/>
      <c r="N40" s="115"/>
    </row>
    <row r="41" spans="1:14" ht="15" customHeight="1" x14ac:dyDescent="0.15">
      <c r="A41" s="3" t="s">
        <v>62</v>
      </c>
      <c r="B41" s="3"/>
      <c r="C41" s="3"/>
      <c r="D41" s="3"/>
      <c r="E41" s="3"/>
      <c r="F41" s="3"/>
      <c r="G41" s="3"/>
      <c r="H41" s="3"/>
      <c r="I41" s="117" t="s">
        <v>63</v>
      </c>
      <c r="J41" s="66">
        <v>2230</v>
      </c>
      <c r="K41" s="66">
        <v>2145</v>
      </c>
      <c r="L41" s="66">
        <v>2067</v>
      </c>
      <c r="M41" s="66">
        <v>1984</v>
      </c>
      <c r="N41" s="115">
        <v>1890</v>
      </c>
    </row>
    <row r="42" spans="1:14" ht="37.5" customHeight="1" thickBot="1" x14ac:dyDescent="0.2">
      <c r="A42" s="137" t="s">
        <v>64</v>
      </c>
      <c r="B42" s="137"/>
      <c r="C42" s="137"/>
      <c r="D42" s="137"/>
      <c r="E42" s="137"/>
      <c r="F42" s="137"/>
      <c r="G42" s="137"/>
      <c r="H42" s="138"/>
      <c r="I42" s="118" t="s">
        <v>61</v>
      </c>
      <c r="J42" s="72"/>
      <c r="K42" s="102"/>
      <c r="L42" s="102"/>
      <c r="M42" s="102"/>
      <c r="N42" s="116"/>
    </row>
    <row r="43" spans="1:14" x14ac:dyDescent="0.15">
      <c r="A43" s="103"/>
      <c r="B43" s="103"/>
    </row>
  </sheetData>
  <mergeCells count="11">
    <mergeCell ref="A35:B35"/>
    <mergeCell ref="A36:B36"/>
    <mergeCell ref="A38:B38"/>
    <mergeCell ref="A40:B40"/>
    <mergeCell ref="A42:H42"/>
    <mergeCell ref="M2:N2"/>
    <mergeCell ref="A3:B4"/>
    <mergeCell ref="C3:E3"/>
    <mergeCell ref="F3:H3"/>
    <mergeCell ref="I3:K3"/>
    <mergeCell ref="L3:N3"/>
  </mergeCells>
  <phoneticPr fontId="2"/>
  <printOptions horizontalCentered="1"/>
  <pageMargins left="0.7" right="0.7" top="0.75" bottom="0.75" header="0.3" footer="0.3"/>
  <pageSetup paperSize="9" scale="95" orientation="portrait" blackAndWhite="1" r:id="rId1"/>
  <headerFooter alignWithMargins="0"/>
  <colBreaks count="1" manualBreakCount="1">
    <brk id="8" max="6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２～４表</vt:lpstr>
      <vt:lpstr>'第２～４表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19T05:54:26Z</cp:lastPrinted>
  <dcterms:created xsi:type="dcterms:W3CDTF">2018-03-07T04:38:53Z</dcterms:created>
  <dcterms:modified xsi:type="dcterms:W3CDTF">2018-03-19T05:54:34Z</dcterms:modified>
</cp:coreProperties>
</file>